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8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malling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ontwerp&#10;&#10;Automatisch gegenereerde beschrijving">
            <a:extLst>
              <a:ext uri="{FF2B5EF4-FFF2-40B4-BE49-F238E27FC236}">
                <a16:creationId xmlns:a16="http://schemas.microsoft.com/office/drawing/2014/main" id="{43F9D847-679A-8557-1FEC-289E75B0226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7598" y="4709330"/>
            <a:ext cx="3519078" cy="198476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ontwerp&#10;&#10;Automatisch gegenereerde beschrijving">
            <a:extLst>
              <a:ext uri="{FF2B5EF4-FFF2-40B4-BE49-F238E27FC236}">
                <a16:creationId xmlns:a16="http://schemas.microsoft.com/office/drawing/2014/main" id="{F529758D-3523-89E7-86E2-7AB7B09AE77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8601" y="3847786"/>
            <a:ext cx="2661374" cy="150101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21T08:35:41Z</dcterms:modified>
</cp:coreProperties>
</file>